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oorschot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10B0B703-E21F-49C6-3779-6D88DD20F8C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17183" y="5257800"/>
            <a:ext cx="2344332" cy="141128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7967FE5A-1400-9496-8D92-4E93DC641C9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0758" y="4323218"/>
            <a:ext cx="1744967" cy="105047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1-28T14:03:07Z</dcterms:modified>
</cp:coreProperties>
</file>